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23"/>
  </p:sldMasterIdLst>
  <p:notesMasterIdLst>
    <p:notesMasterId r:id="rId34"/>
  </p:notesMasterIdLst>
  <p:sldIdLst>
    <p:sldId id="273" r:id="rId24"/>
    <p:sldId id="257" r:id="rId25"/>
    <p:sldId id="256" r:id="rId26"/>
    <p:sldId id="258" r:id="rId27"/>
    <p:sldId id="269" r:id="rId28"/>
    <p:sldId id="270" r:id="rId29"/>
    <p:sldId id="271" r:id="rId30"/>
    <p:sldId id="272" r:id="rId31"/>
    <p:sldId id="263" r:id="rId32"/>
    <p:sldId id="264" r:id="rId3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93" autoAdjust="0"/>
    <p:restoredTop sz="97662" autoAdjust="0"/>
  </p:normalViewPr>
  <p:slideViewPr>
    <p:cSldViewPr snapToGrid="0" showGuides="1">
      <p:cViewPr varScale="1">
        <p:scale>
          <a:sx n="73" d="100"/>
          <a:sy n="73" d="100"/>
        </p:scale>
        <p:origin x="82" y="346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3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2.xml"/><Relationship Id="rId33" Type="http://schemas.openxmlformats.org/officeDocument/2006/relationships/slide" Target="slides/slide10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.xml"/><Relationship Id="rId32" Type="http://schemas.openxmlformats.org/officeDocument/2006/relationships/slide" Target="slides/slide9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5.xml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4.xml"/><Relationship Id="rId30" Type="http://schemas.openxmlformats.org/officeDocument/2006/relationships/slide" Target="slides/slide7.xml"/><Relationship Id="rId35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9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40945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0" name="sdu.dk">
            <a:extLst>
              <a:ext uri="{FF2B5EF4-FFF2-40B4-BE49-F238E27FC236}">
                <a16:creationId xmlns:a16="http://schemas.microsoft.com/office/drawing/2014/main" id="{5F437060-4963-9A90-49BE-4DB78D67358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B895B5AD-6736-F08F-4772-E45EC9527D8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8d245787-b58c-4781-ac27-21cb331991be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72697A22-CBC3-A484-F246-C5C8B438E04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28A7C55E-B681-C1E7-FA15-608C847286B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7ba4b4c1-78cc-45d4-8bc2-61895190715d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6">
            <a:extLst>
              <a:ext uri="{FF2B5EF4-FFF2-40B4-BE49-F238E27FC236}">
                <a16:creationId xmlns:a16="http://schemas.microsoft.com/office/drawing/2014/main" id="{510354E0-0D98-99BD-C41C-5C6F483535D4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Rectangle 18">
            <a:extLst>
              <a:ext uri="{FF2B5EF4-FFF2-40B4-BE49-F238E27FC236}">
                <a16:creationId xmlns:a16="http://schemas.microsoft.com/office/drawing/2014/main" id="{F2E80612-65CA-8548-5C3F-0053B483CBEF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8c78090c-7df6-422f-8791-a37f0aecf93c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8" name="text" descr="{&quot;templafy&quot;:{&quot;id&quot;:&quot;86511d6a-5721-4bcc-b4e4-825570c0b240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20c4374a-2777-4e55-8c89-d23189855b14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9" name="text" descr="{&quot;templafy&quot;:{&quot;id&quot;:&quot;b7cad99a-3bc9-4343-aee7-3236cb0a1774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6" name="text" descr="{&quot;templafy&quot;:{&quot;id&quot;:&quot;43ed1f05-c69e-4854-beae-900d2888a3ce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095b79c9-e3ef-489c-9a3b-176fb92f2432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0" name="text" descr="{&quot;templafy&quot;:{&quot;id&quot;:&quot;b3b38639-09a0-476e-a413-3f4ebdc71eec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9" name="text" descr="{&quot;templafy&quot;:{&quot;id&quot;:&quot;7ef1ba4a-b267-4952-9c63-2603c41d6b3d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sdu.dk">
            <a:extLst>
              <a:ext uri="{FF2B5EF4-FFF2-40B4-BE49-F238E27FC236}">
                <a16:creationId xmlns:a16="http://schemas.microsoft.com/office/drawing/2014/main" id="{1E4AFDBB-7C79-C055-A1D6-4A88549083ED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EC3EFC9E-0697-AA03-0280-879B877EC0D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5c685cc4-1255-4c65-a9ef-c3cc9219b984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ext" descr="{&quot;templafy&quot;:{&quot;id&quot;:&quot;c72f8dd4-d4c2-4eec-8265-cf13a5bb89f7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sdu.dk">
            <a:extLst>
              <a:ext uri="{FF2B5EF4-FFF2-40B4-BE49-F238E27FC236}">
                <a16:creationId xmlns:a16="http://schemas.microsoft.com/office/drawing/2014/main" id="{E11EA3DB-CFF9-E17E-4691-AD84BB1AA23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1" name="#sdudk">
            <a:extLst>
              <a:ext uri="{FF2B5EF4-FFF2-40B4-BE49-F238E27FC236}">
                <a16:creationId xmlns:a16="http://schemas.microsoft.com/office/drawing/2014/main" id="{47D4647D-A0D8-4BA6-8B1D-579A8962B25B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b4a37d81-9750-472c-8746-991b27318afe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6" name="text" descr="{&quot;templafy&quot;:{&quot;id&quot;:&quot;19a0919f-dcfb-4311-b522-e6780f321ece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9-2023</a:t>
            </a:fld>
            <a:endParaRPr lang="da-DK" dirty="0"/>
          </a:p>
        </p:txBody>
      </p:sp>
      <p:sp>
        <p:nvSpPr>
          <p:cNvPr id="14" name="Rectangle 3" descr="{&quot;templafy&quot;:{&quot;id&quot;:&quot;99cffcb1-ef85-4e3d-801c-713556163746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r>
              <a:rPr lang="da-DK" sz="1050" dirty="0" err="1">
                <a:solidFill>
                  <a:schemeClr val="tx1"/>
                </a:solidFill>
              </a:rPr>
              <a:t>25. september 2023</a:t>
            </a: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da907e3f-66f8-4df4-928e-e98b2efd078f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ED48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E798C0B-343B-AEDF-B844-E27CD164E5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846817"/>
            <a:ext cx="10962000" cy="671967"/>
          </a:xfrm>
        </p:spPr>
        <p:txBody>
          <a:bodyPr/>
          <a:lstStyle/>
          <a:p>
            <a:r>
              <a:rPr lang="da-DK" dirty="0"/>
              <a:t>Kommende arrangement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659E317-5B7C-A5EE-73BF-771E3BC9A7E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76477" y="1518783"/>
            <a:ext cx="11251066" cy="5128760"/>
          </a:xfrm>
        </p:spPr>
        <p:txBody>
          <a:bodyPr/>
          <a:lstStyle/>
          <a:p>
            <a:pPr marL="0" indent="0">
              <a:buNone/>
            </a:pPr>
            <a:r>
              <a:rPr lang="da-DK" sz="1800" b="1" dirty="0"/>
              <a:t>23. oktober kl. 9.00-12.00: Øjenåbnende brugerrejser (projektledelsessporet) </a:t>
            </a:r>
            <a:r>
              <a:rPr lang="da-DK" sz="1800" dirty="0"/>
              <a:t>SKY, Campuskollegiet</a:t>
            </a:r>
            <a:endParaRPr lang="da-DK" sz="1800" b="1" dirty="0"/>
          </a:p>
          <a:p>
            <a:r>
              <a:rPr lang="da-DK" sz="1800" b="0" i="0" dirty="0">
                <a:solidFill>
                  <a:srgbClr val="000000"/>
                </a:solidFill>
                <a:effectLst/>
              </a:rPr>
              <a:t>Anne-Sofie Thomasen, forfatter til bogen ’Øjenåbnende brugerrejser – trin for trin’ (Samfundslitteratur 2021) – oplæg og arbejde ved bordene</a:t>
            </a:r>
          </a:p>
          <a:p>
            <a:r>
              <a:rPr lang="da-DK" sz="1800" b="0" i="0" dirty="0">
                <a:solidFill>
                  <a:srgbClr val="000000"/>
                </a:solidFill>
                <a:effectLst/>
              </a:rPr>
              <a:t>Pause og net-</a:t>
            </a:r>
            <a:r>
              <a:rPr lang="da-DK" sz="1800" b="0" i="0" dirty="0" err="1">
                <a:solidFill>
                  <a:srgbClr val="000000"/>
                </a:solidFill>
                <a:effectLst/>
              </a:rPr>
              <a:t>working</a:t>
            </a:r>
            <a:endParaRPr lang="da-DK" sz="1800" b="0" i="0" dirty="0">
              <a:solidFill>
                <a:srgbClr val="000000"/>
              </a:solidFill>
              <a:effectLst/>
            </a:endParaRPr>
          </a:p>
          <a:p>
            <a:r>
              <a:rPr lang="da-DK" sz="1800" b="0" i="0" dirty="0">
                <a:solidFill>
                  <a:srgbClr val="000000"/>
                </a:solidFill>
                <a:effectLst/>
              </a:rPr>
              <a:t>Brugerrejser i </a:t>
            </a:r>
            <a:r>
              <a:rPr lang="da-DK" sz="1800" b="0" i="0" dirty="0" err="1">
                <a:solidFill>
                  <a:srgbClr val="000000"/>
                </a:solidFill>
                <a:effectLst/>
              </a:rPr>
              <a:t>NytSIS</a:t>
            </a:r>
            <a:r>
              <a:rPr lang="da-DK" sz="1800" b="0" i="0" dirty="0">
                <a:solidFill>
                  <a:srgbClr val="000000"/>
                </a:solidFill>
                <a:effectLst/>
              </a:rPr>
              <a:t> v/</a:t>
            </a:r>
            <a:r>
              <a:rPr lang="da-DK" sz="1800" b="0" i="0" dirty="0" err="1">
                <a:solidFill>
                  <a:srgbClr val="000000"/>
                </a:solidFill>
                <a:effectLst/>
              </a:rPr>
              <a:t>NytSIS</a:t>
            </a:r>
            <a:r>
              <a:rPr lang="da-DK" sz="1800" b="0" i="0" dirty="0">
                <a:solidFill>
                  <a:srgbClr val="000000"/>
                </a:solidFill>
                <a:effectLst/>
              </a:rPr>
              <a:t>-</a:t>
            </a:r>
            <a:r>
              <a:rPr lang="da-DK" sz="1800" dirty="0">
                <a:solidFill>
                  <a:srgbClr val="000000"/>
                </a:solidFill>
              </a:rPr>
              <a:t>programmet</a:t>
            </a:r>
          </a:p>
          <a:p>
            <a:endParaRPr lang="da-DK" sz="1800" dirty="0">
              <a:solidFill>
                <a:srgbClr val="000000"/>
              </a:solidFill>
            </a:endParaRPr>
          </a:p>
          <a:p>
            <a:pPr marL="0" indent="0" algn="l">
              <a:buNone/>
            </a:pPr>
            <a:r>
              <a:rPr lang="da-DK" sz="1800" b="1" i="0" dirty="0">
                <a:solidFill>
                  <a:srgbClr val="000000"/>
                </a:solidFill>
                <a:effectLst/>
              </a:rPr>
              <a:t>4. december kl. 12.30 - 15.30: Opbygning af en innovative kultur: Strategi, organisation, og ledelsesmæssige perspektiver (transformationssporet) </a:t>
            </a:r>
          </a:p>
          <a:p>
            <a:r>
              <a:rPr lang="da-DK" sz="1800" dirty="0">
                <a:solidFill>
                  <a:srgbClr val="000000"/>
                </a:solidFill>
              </a:rPr>
              <a:t>P</a:t>
            </a:r>
            <a:r>
              <a:rPr lang="da-DK" sz="1800" b="0" i="0" dirty="0">
                <a:solidFill>
                  <a:srgbClr val="000000"/>
                </a:solidFill>
                <a:effectLst/>
              </a:rPr>
              <a:t>rofessor og forskningsleder Mette Præst Knudsen, Institut for Virksomhedsledelse (IVL), Center for Integrerende Innovationsledelse (C*I2M) holder oplæg </a:t>
            </a:r>
            <a:r>
              <a:rPr lang="da-DK" sz="1800" b="0" i="0">
                <a:solidFill>
                  <a:srgbClr val="000000"/>
                </a:solidFill>
                <a:effectLst/>
              </a:rPr>
              <a:t>og øvelser om:</a:t>
            </a:r>
            <a:br>
              <a:rPr lang="da-DK" sz="1800" b="0" i="0" dirty="0">
                <a:solidFill>
                  <a:srgbClr val="000000"/>
                </a:solidFill>
                <a:effectLst/>
              </a:rPr>
            </a:br>
            <a:r>
              <a:rPr lang="da-DK" sz="1800" b="0" i="0" dirty="0">
                <a:solidFill>
                  <a:srgbClr val="000000"/>
                </a:solidFill>
                <a:effectLst/>
              </a:rPr>
              <a:t>Opbygningen af rammer, der understøtter en organisations muligheder for innovation. Oplægget sætter fokus på de tre hjørnesten: Strategi, organisation og ledelse  - med særligt fokus på, hvordan ledelsen kan orkestrere rammer, der understøtter medarbejdernes motivation for at indgå i innovative indsatser.</a:t>
            </a:r>
          </a:p>
          <a:p>
            <a:r>
              <a:rPr lang="da-DK" sz="1800" b="0" i="0" dirty="0">
                <a:solidFill>
                  <a:srgbClr val="000000"/>
                </a:solidFill>
                <a:effectLst/>
              </a:rPr>
              <a:t>Pause og net-</a:t>
            </a:r>
            <a:r>
              <a:rPr lang="da-DK" sz="1800" b="0" i="0" dirty="0" err="1">
                <a:solidFill>
                  <a:srgbClr val="000000"/>
                </a:solidFill>
                <a:effectLst/>
              </a:rPr>
              <a:t>working</a:t>
            </a:r>
            <a:endParaRPr lang="da-DK" sz="1800" b="0" i="0" dirty="0">
              <a:solidFill>
                <a:srgbClr val="000000"/>
              </a:solidFill>
              <a:effectLst/>
            </a:endParaRPr>
          </a:p>
          <a:p>
            <a:pPr algn="l"/>
            <a:r>
              <a:rPr lang="da-DK" sz="1800" b="0" i="0" dirty="0">
                <a:solidFill>
                  <a:srgbClr val="000000"/>
                </a:solidFill>
                <a:effectLst/>
              </a:rPr>
              <a:t>Fra innovation til eksperimenter: </a:t>
            </a:r>
            <a:r>
              <a:rPr lang="da-DK" sz="1800" dirty="0">
                <a:solidFill>
                  <a:srgbClr val="000000"/>
                </a:solidFill>
              </a:rPr>
              <a:t>I</a:t>
            </a:r>
            <a:r>
              <a:rPr lang="da-DK" sz="1800" b="0" i="0" dirty="0">
                <a:solidFill>
                  <a:srgbClr val="000000"/>
                </a:solidFill>
                <a:effectLst/>
              </a:rPr>
              <a:t>ntro til projekttypen ’Eksperimenter’ v/Birgitte Hjelm Paulsen, SDU Digital.  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0E97CD-DAD2-432E-BC65-50F305090DA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4561619-520E-420B-9E24-29238D077359}" type="datetime1">
              <a:rPr lang="da-DK" smtClean="0"/>
              <a:t>25-09-202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0078779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BAFE0706-2F15-4728-BA02-DEA0880EBAE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A430C273-B194-4F7F-85F8-60EB0D8714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590E060-44E1-4C00-97A0-DCC08DBB531C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894CB6-721F-4559-A1D3-11BF4A99136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7610C92B-3E20-43FF-9741-D802DC65CBD0}" type="datetime1">
              <a:rPr lang="da-DK" smtClean="0"/>
              <a:t>25-09-202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6274542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Titel 43">
            <a:extLst>
              <a:ext uri="{FF2B5EF4-FFF2-40B4-BE49-F238E27FC236}">
                <a16:creationId xmlns:a16="http://schemas.microsoft.com/office/drawing/2014/main" id="{4BA7F329-6360-0040-9627-586E3CBB50C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5-09-202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DB5404-88DD-4C7D-B8CA-E07E973EF1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/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da-DK"/>
              <a:pPr/>
              <a:t>3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5267196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F44A997-6363-F75A-37EE-EDC1C4AFF21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1DEABC6-0B5F-4868-9B49-112D6DB148F9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F434C8B-1A2A-49DC-9216-7DCD7F14C0B8}" type="datetime1">
              <a:rPr lang="da-DK" smtClean="0"/>
              <a:t>25-09-202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148681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E3546203-F1AF-6D7A-2929-E77ACB24004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BC8A9AE-91A1-4331-AB01-C64A135AA3C4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5B7409F-D3C6-4E0A-96E8-48C7110B960F}" type="datetime1">
              <a:rPr lang="da-DK" smtClean="0"/>
              <a:t>25-09-202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6479645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BEBABDED-1467-A6D9-0462-4423B7927A0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5974B8-4B20-405D-B781-EB5823AF182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9FB771-6015-457D-8CBD-634E18D4B19E}" type="datetime1">
              <a:rPr lang="da-DK" smtClean="0"/>
              <a:t>25-09-202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758035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7D7C257-92F2-49DB-8F2F-EE543B26D3F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30BFA05F-757E-4383-A43D-124B634ED21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A4585DB-024E-4D02-B3E2-B701555F48D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D3FE666-FE95-493C-A6F7-9DE08910AE61}" type="datetime1">
              <a:rPr lang="da-DK" smtClean="0"/>
              <a:t>25-09-202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1092499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4DB3233A-98A0-B230-A58F-B9B485E1CF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23228AD7-80C7-8B84-2453-A2399A57BBC1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428DFA7-CDD3-4015-A117-B5429AF67A7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F73DAE6-C5C8-4FF6-97FB-A2A45924ED14}" type="datetime1">
              <a:rPr lang="da-DK" smtClean="0"/>
              <a:t>25-09-202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7185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F96DC90-D81F-B4FA-1969-4D3CC6EAA46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A5DBBEF3-ACA0-B128-C139-4B5816A23A98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5-09-202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1645859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a56b0fb8-d552-4215-bd97-31ad12d99a5c"/>
</p:tagLst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99cffcb1-ef85-4e3d-801c-713556163746","elementConfiguration":{"binding":"{{FormatDateTime(Form.Date,Translate(\"Format_DateCustomA\"),DocumentLanguage)}}","type":"text","disableUpdates":false}},{"type":"shape","id":"da907e3f-66f8-4df4-928e-e98b2efd078f","elementConfiguration":{"binding":"{{UserProfile.Institut.Institute}}","type":"text","disableUpdates":false}},{"type":"shape","id":"b4a37d81-9750-472c-8746-991b27318afe","elementConfiguration":{"binding":"{{UserProfile.Institut.Institute}}","type":"text","disableUpdates":false}},{"type":"shape","id":"20c4374a-2777-4e55-8c89-d23189855b14","elementConfiguration":{"binding":"{{UserProfile.Institut.Institute}}","type":"text","disableUpdates":false}},{"type":"shape","id":"095b79c9-e3ef-489c-9a3b-176fb92f2432","elementConfiguration":{"binding":"{{UserProfile.Institut.Institute}}","type":"text","disableUpdates":false}},{"type":"shape","id":"c72f8dd4-d4c2-4eec-8265-cf13a5bb89f7","elementConfiguration":{"binding":"{{UserProfile.Institut.Institute}}","type":"text","disableUpdates":false}},{"type":"shape","id":"86511d6a-5721-4bcc-b4e4-825570c0b240","elementConfiguration":{"binding":"{{UserProfile.Institut.Institute}}","type":"text","disableUpdates":false}},{"type":"shape","id":"43ed1f05-c69e-4854-beae-900d2888a3ce","elementConfiguration":{"binding":"{{UserProfile.Institut.Institute}}","type":"text","disableUpdates":false}},{"type":"shape","id":"8d245787-b58c-4781-ac27-21cb331991be","elementConfiguration":{"binding":"{{UserProfile.Institut.Institute}}","type":"text","disableUpdates":false}},{"type":"shape","id":"5c685cc4-1255-4c65-a9ef-c3cc9219b984","elementConfiguration":{"binding":"{{UserProfile.Institut.Institute}}","type":"text","disableUpdates":false}},{"type":"shape","id":"8c78090c-7df6-422f-8791-a37f0aecf93c","elementConfiguration":{"binding":"{{UserProfile.Institut.Institute}}","type":"text","disableUpdates":false}},{"type":"shape","id":"7ef1ba4a-b267-4952-9c63-2603c41d6b3d","elementConfiguration":{"binding":"{{UserProfile.Institut.Institute}}","type":"text","disableUpdates":false}},{"type":"shape","id":"7ba4b4c1-78cc-45d4-8bc2-61895190715d","elementConfiguration":{"binding":"{{UserProfile.Institut.Institute}}","type":"text","disableUpdates":false}},{"type":"shape","id":"b3b38639-09a0-476e-a413-3f4ebdc71eec","elementConfiguration":{"binding":"{{UserProfile.Institut.Institute}}","type":"text","disableUpdates":false}},{"type":"shape","id":"19a0919f-dcfb-4311-b522-e6780f321ece","elementConfiguration":{"binding":"{{UserProfile.Institut.Institute}}","type":"text","disableUpdates":false}},{"type":"shape","id":"b7cad99a-3bc9-4343-aee7-3236cb0a1774","elementConfiguration":{"binding":"{{UserProfile.Institut.Institute}}","type":"text","disableUpdates":false}}],"transformationConfigurations":[],"templateName":"SDU widescreen 16:9 template - with department, date and links","templateDescription":"SDU bredformat 16:9 skabelon - med enhed, dato og links.","enableDocumentContentUpdater":false,"version":"2.0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249995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330737","enableDocumentContentUpdater":false,"version":"2.0"}]]></TemplafySlideTemplateConfiguration>
</file>

<file path=customXml/item15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422663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613492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{"name":"Date","value":"Qnt4D7Ml4LSiAqJ9WWdwfQ=="}]}]]></TemplafyFormConfiguration>
</file>

<file path=customXml/item20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679576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753539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505569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80761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18043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0DE47FB-CBD9-46EF-A4BB-64ED750A2AFD}">
  <ds:schemaRefs/>
</ds:datastoreItem>
</file>

<file path=customXml/itemProps10.xml><?xml version="1.0" encoding="utf-8"?>
<ds:datastoreItem xmlns:ds="http://schemas.openxmlformats.org/officeDocument/2006/customXml" ds:itemID="{C74E36E0-F7E6-462A-A5B4-71E2A45ED733}">
  <ds:schemaRefs/>
</ds:datastoreItem>
</file>

<file path=customXml/itemProps11.xml><?xml version="1.0" encoding="utf-8"?>
<ds:datastoreItem xmlns:ds="http://schemas.openxmlformats.org/officeDocument/2006/customXml" ds:itemID="{28E35286-FF7D-413C-891F-0DB83AADC89B}">
  <ds:schemaRefs/>
</ds:datastoreItem>
</file>

<file path=customXml/itemProps12.xml><?xml version="1.0" encoding="utf-8"?>
<ds:datastoreItem xmlns:ds="http://schemas.openxmlformats.org/officeDocument/2006/customXml" ds:itemID="{FC4143C1-DBAA-4ECD-8EE8-8C041AADA530}">
  <ds:schemaRefs/>
</ds:datastoreItem>
</file>

<file path=customXml/itemProps13.xml><?xml version="1.0" encoding="utf-8"?>
<ds:datastoreItem xmlns:ds="http://schemas.openxmlformats.org/officeDocument/2006/customXml" ds:itemID="{2D1FAEA9-2B7A-4D3D-8BA9-729BA7E7F51D}">
  <ds:schemaRefs/>
</ds:datastoreItem>
</file>

<file path=customXml/itemProps14.xml><?xml version="1.0" encoding="utf-8"?>
<ds:datastoreItem xmlns:ds="http://schemas.openxmlformats.org/officeDocument/2006/customXml" ds:itemID="{B49DDE0D-F91B-44FE-80A2-26FBF3126BB1}">
  <ds:schemaRefs/>
</ds:datastoreItem>
</file>

<file path=customXml/itemProps15.xml><?xml version="1.0" encoding="utf-8"?>
<ds:datastoreItem xmlns:ds="http://schemas.openxmlformats.org/officeDocument/2006/customXml" ds:itemID="{B6E2411C-C7CE-471D-A2FE-2DDC2791DDEB}">
  <ds:schemaRefs/>
</ds:datastoreItem>
</file>

<file path=customXml/itemProps16.xml><?xml version="1.0" encoding="utf-8"?>
<ds:datastoreItem xmlns:ds="http://schemas.openxmlformats.org/officeDocument/2006/customXml" ds:itemID="{401A8540-678B-4413-87E1-8EB5BA69A495}">
  <ds:schemaRefs/>
</ds:datastoreItem>
</file>

<file path=customXml/itemProps17.xml><?xml version="1.0" encoding="utf-8"?>
<ds:datastoreItem xmlns:ds="http://schemas.openxmlformats.org/officeDocument/2006/customXml" ds:itemID="{A1A3671E-33E6-41B7-B255-504845DB6111}">
  <ds:schemaRefs/>
</ds:datastoreItem>
</file>

<file path=customXml/itemProps18.xml><?xml version="1.0" encoding="utf-8"?>
<ds:datastoreItem xmlns:ds="http://schemas.openxmlformats.org/officeDocument/2006/customXml" ds:itemID="{C5CCD234-05A2-4D5A-93F7-41A19CAF8091}">
  <ds:schemaRefs/>
</ds:datastoreItem>
</file>

<file path=customXml/itemProps19.xml><?xml version="1.0" encoding="utf-8"?>
<ds:datastoreItem xmlns:ds="http://schemas.openxmlformats.org/officeDocument/2006/customXml" ds:itemID="{47A3E515-FE9A-4E4E-BF48-72FBFDABA94E}">
  <ds:schemaRefs/>
</ds:datastoreItem>
</file>

<file path=customXml/itemProps2.xml><?xml version="1.0" encoding="utf-8"?>
<ds:datastoreItem xmlns:ds="http://schemas.openxmlformats.org/officeDocument/2006/customXml" ds:itemID="{E58D0F7B-1F17-4E5D-BC63-2B0FB3F5A51A}">
  <ds:schemaRefs/>
</ds:datastoreItem>
</file>

<file path=customXml/itemProps20.xml><?xml version="1.0" encoding="utf-8"?>
<ds:datastoreItem xmlns:ds="http://schemas.openxmlformats.org/officeDocument/2006/customXml" ds:itemID="{80E35074-8722-4F20-88CC-87A31F7F991B}">
  <ds:schemaRefs/>
</ds:datastoreItem>
</file>

<file path=customXml/itemProps21.xml><?xml version="1.0" encoding="utf-8"?>
<ds:datastoreItem xmlns:ds="http://schemas.openxmlformats.org/officeDocument/2006/customXml" ds:itemID="{CB743F4C-9685-4433-85DC-86DFF74C4B1E}">
  <ds:schemaRefs/>
</ds:datastoreItem>
</file>

<file path=customXml/itemProps22.xml><?xml version="1.0" encoding="utf-8"?>
<ds:datastoreItem xmlns:ds="http://schemas.openxmlformats.org/officeDocument/2006/customXml" ds:itemID="{53E138F0-A278-4C20-9F1E-79AB733CC62D}">
  <ds:schemaRefs/>
</ds:datastoreItem>
</file>

<file path=customXml/itemProps3.xml><?xml version="1.0" encoding="utf-8"?>
<ds:datastoreItem xmlns:ds="http://schemas.openxmlformats.org/officeDocument/2006/customXml" ds:itemID="{450CF4E2-CF8C-40E5-AF13-E4CE516FDBDA}">
  <ds:schemaRefs/>
</ds:datastoreItem>
</file>

<file path=customXml/itemProps4.xml><?xml version="1.0" encoding="utf-8"?>
<ds:datastoreItem xmlns:ds="http://schemas.openxmlformats.org/officeDocument/2006/customXml" ds:itemID="{45D133D3-ADF2-4D7D-9E7A-7933C5581AC2}">
  <ds:schemaRefs/>
</ds:datastoreItem>
</file>

<file path=customXml/itemProps5.xml><?xml version="1.0" encoding="utf-8"?>
<ds:datastoreItem xmlns:ds="http://schemas.openxmlformats.org/officeDocument/2006/customXml" ds:itemID="{FEB1901F-BF6C-471C-A3B9-C97FE7EC6A0F}">
  <ds:schemaRefs/>
</ds:datastoreItem>
</file>

<file path=customXml/itemProps6.xml><?xml version="1.0" encoding="utf-8"?>
<ds:datastoreItem xmlns:ds="http://schemas.openxmlformats.org/officeDocument/2006/customXml" ds:itemID="{BEB2B9B7-9C71-4451-AD27-ED26CCFBE3BC}">
  <ds:schemaRefs/>
</ds:datastoreItem>
</file>

<file path=customXml/itemProps7.xml><?xml version="1.0" encoding="utf-8"?>
<ds:datastoreItem xmlns:ds="http://schemas.openxmlformats.org/officeDocument/2006/customXml" ds:itemID="{A95F6C6B-F37D-4C5E-8982-B7D24681D482}">
  <ds:schemaRefs/>
</ds:datastoreItem>
</file>

<file path=customXml/itemProps8.xml><?xml version="1.0" encoding="utf-8"?>
<ds:datastoreItem xmlns:ds="http://schemas.openxmlformats.org/officeDocument/2006/customXml" ds:itemID="{D695CB0A-DB1B-4F39-ABEB-D49D38DB5A58}">
  <ds:schemaRefs/>
</ds:datastoreItem>
</file>

<file path=customXml/itemProps9.xml><?xml version="1.0" encoding="utf-8"?>
<ds:datastoreItem xmlns:ds="http://schemas.openxmlformats.org/officeDocument/2006/customXml" ds:itemID="{0D53A917-4E29-405F-A95F-B003FE717C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84</Words>
  <Application>Microsoft Office PowerPoint</Application>
  <PresentationFormat>Widescreen</PresentationFormat>
  <Paragraphs>21</Paragraphs>
  <Slides>10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0</vt:i4>
      </vt:variant>
    </vt:vector>
  </HeadingPairs>
  <TitlesOfParts>
    <vt:vector size="13" baseType="lpstr">
      <vt:lpstr>Arial</vt:lpstr>
      <vt:lpstr>Wingdings</vt:lpstr>
      <vt:lpstr>SDU</vt:lpstr>
      <vt:lpstr>Kommende arrangementer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9-25T06:53:33Z</dcterms:created>
  <dcterms:modified xsi:type="dcterms:W3CDTF">2023-09-25T13:02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30435346580110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